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9－５" sheetId="1" r:id="rId1"/>
  </sheets>
  <externalReferences>
    <externalReference r:id="rId2"/>
    <externalReference r:id="rId3"/>
    <externalReference r:id="rId4"/>
    <externalReference r:id="rId5"/>
  </externalReferences>
  <definedNames>
    <definedName name="ｋ">#REF!</definedName>
    <definedName name="_xlnm.Print_Area" localSheetId="0">'別紙9－５'!$A$1:$AA$32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27">
  <si>
    <t>（別紙９－５）</t>
    <phoneticPr fontId="3"/>
  </si>
  <si>
    <t>看取り介護体制に係る届出書</t>
    <rPh sb="0" eb="2">
      <t>ミト</t>
    </rPh>
    <rPh sb="3" eb="5">
      <t>カイゴ</t>
    </rPh>
    <rPh sb="5" eb="7">
      <t>タイセイ</t>
    </rPh>
    <rPh sb="8" eb="9">
      <t>カカ</t>
    </rPh>
    <rPh sb="10" eb="13">
      <t>トドケデショ</t>
    </rPh>
    <phoneticPr fontId="3"/>
  </si>
  <si>
    <t>事 業 所 名</t>
    <phoneticPr fontId="3"/>
  </si>
  <si>
    <t>異動等区分</t>
  </si>
  <si>
    <t>□</t>
  </si>
  <si>
    <t>1　新規</t>
    <phoneticPr fontId="3"/>
  </si>
  <si>
    <t>2　変更</t>
    <phoneticPr fontId="3"/>
  </si>
  <si>
    <t>3　終了</t>
    <phoneticPr fontId="3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3"/>
  </si>
  <si>
    <t>1 特定施設入居者生活介護</t>
    <phoneticPr fontId="3"/>
  </si>
  <si>
    <t>2 地域密着型特定施設入居者生活介護</t>
    <phoneticPr fontId="3"/>
  </si>
  <si>
    <t xml:space="preserve"> １　看取り介護体制に関する届出内容（看取り介護加算（Ⅰ）（Ⅱ）共通）</t>
    <rPh sb="3" eb="5">
      <t>ミト</t>
    </rPh>
    <rPh sb="6" eb="8">
      <t>カイゴ</t>
    </rPh>
    <rPh sb="8" eb="10">
      <t>タイセイ</t>
    </rPh>
    <rPh sb="11" eb="12">
      <t>カン</t>
    </rPh>
    <rPh sb="19" eb="21">
      <t>ミト</t>
    </rPh>
    <rPh sb="22" eb="24">
      <t>カイゴ</t>
    </rPh>
    <rPh sb="24" eb="26">
      <t>カサン</t>
    </rPh>
    <rPh sb="32" eb="34">
      <t>キョウツウ</t>
    </rPh>
    <phoneticPr fontId="3"/>
  </si>
  <si>
    <t>看護職員の状況</t>
    <rPh sb="0" eb="2">
      <t>カンゴ</t>
    </rPh>
    <rPh sb="2" eb="4">
      <t>ショクイン</t>
    </rPh>
    <rPh sb="5" eb="7">
      <t>ジョウキョウ</t>
    </rPh>
    <phoneticPr fontId="3"/>
  </si>
  <si>
    <t>　看 護 師</t>
    <phoneticPr fontId="3"/>
  </si>
  <si>
    <t>　常勤</t>
    <phoneticPr fontId="3"/>
  </si>
  <si>
    <t>人</t>
  </si>
  <si>
    <t>連携する病院・診療所・訪問看護ステーション</t>
    <rPh sb="0" eb="2">
      <t>レンケイ</t>
    </rPh>
    <rPh sb="4" eb="6">
      <t>ビョウイン</t>
    </rPh>
    <rPh sb="7" eb="10">
      <t>シンリョウジョ</t>
    </rPh>
    <rPh sb="11" eb="13">
      <t>ホウモン</t>
    </rPh>
    <rPh sb="13" eb="15">
      <t>カンゴ</t>
    </rPh>
    <phoneticPr fontId="3"/>
  </si>
  <si>
    <t>病院・診療所・訪問看護ステーション名</t>
    <rPh sb="0" eb="2">
      <t>ビョウイン</t>
    </rPh>
    <rPh sb="3" eb="6">
      <t>シンリョウジョ</t>
    </rPh>
    <rPh sb="7" eb="9">
      <t>ホウモン</t>
    </rPh>
    <rPh sb="9" eb="11">
      <t>カンゴ</t>
    </rPh>
    <rPh sb="17" eb="18">
      <t>メイ</t>
    </rPh>
    <phoneticPr fontId="3"/>
  </si>
  <si>
    <t>事業所番号</t>
    <rPh sb="0" eb="3">
      <t>ジギョウショ</t>
    </rPh>
    <rPh sb="3" eb="5">
      <t>バンゴ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　①　看取りに関する指針を定め、入居の際に、利用者又は
　　その家族等に説明し、同意を得る体制を整備している。</t>
    <rPh sb="3" eb="5">
      <t>ミト</t>
    </rPh>
    <rPh sb="7" eb="8">
      <t>カン</t>
    </rPh>
    <rPh sb="10" eb="12">
      <t>シシン</t>
    </rPh>
    <rPh sb="13" eb="14">
      <t>サダ</t>
    </rPh>
    <rPh sb="16" eb="18">
      <t>ニュウキョ</t>
    </rPh>
    <rPh sb="19" eb="20">
      <t>サイ</t>
    </rPh>
    <rPh sb="22" eb="25">
      <t>リヨウシャ</t>
    </rPh>
    <rPh sb="25" eb="26">
      <t>マタ</t>
    </rPh>
    <rPh sb="32" eb="34">
      <t>カゾク</t>
    </rPh>
    <rPh sb="34" eb="35">
      <t>トウ</t>
    </rPh>
    <rPh sb="36" eb="38">
      <t>セツメイ</t>
    </rPh>
    <rPh sb="40" eb="42">
      <t>ドウイ</t>
    </rPh>
    <rPh sb="43" eb="44">
      <t>エ</t>
    </rPh>
    <rPh sb="45" eb="47">
      <t>タイセイ</t>
    </rPh>
    <rPh sb="48" eb="50">
      <t>セイビ</t>
    </rPh>
    <phoneticPr fontId="3"/>
  </si>
  <si>
    <t>　②　医師、看護職員、生活相談員、介護職員、介護支援専門員、
　　その他の職種の者による協議の上、施設における看取りの実績
　　等を踏まえ、適宜、看取りに関する指針の見直しを行う体制を
　　整備している。</t>
    <rPh sb="11" eb="13">
      <t>セイカツ</t>
    </rPh>
    <rPh sb="13" eb="16">
      <t>ソウダンイン</t>
    </rPh>
    <phoneticPr fontId="3"/>
  </si>
  <si>
    <t>　③　看取りに関する職員研修を行う体制を整備している。</t>
    <rPh sb="3" eb="5">
      <t>ミト</t>
    </rPh>
    <rPh sb="7" eb="8">
      <t>カン</t>
    </rPh>
    <rPh sb="10" eb="12">
      <t>ショクイン</t>
    </rPh>
    <rPh sb="12" eb="14">
      <t>ケンシュウ</t>
    </rPh>
    <rPh sb="15" eb="16">
      <t>オコナ</t>
    </rPh>
    <rPh sb="17" eb="19">
      <t>タイセイ</t>
    </rPh>
    <rPh sb="20" eb="22">
      <t>セイビ</t>
    </rPh>
    <phoneticPr fontId="3"/>
  </si>
  <si>
    <t>　④　「人生の最終段階における医療・ケアの決定プロセスに関す
　　るガイドライン」等の内容に沿った取組を行っている。</t>
    <rPh sb="4" eb="6">
      <t>ジンセイ</t>
    </rPh>
    <rPh sb="7" eb="9">
      <t>サイシュウ</t>
    </rPh>
    <rPh sb="9" eb="11">
      <t>ダンカイ</t>
    </rPh>
    <rPh sb="15" eb="17">
      <t>イリョウ</t>
    </rPh>
    <rPh sb="21" eb="23">
      <t>ケッテイ</t>
    </rPh>
    <rPh sb="28" eb="29">
      <t>カン</t>
    </rPh>
    <rPh sb="41" eb="42">
      <t>トウ</t>
    </rPh>
    <rPh sb="43" eb="45">
      <t>ナイヨウ</t>
    </rPh>
    <rPh sb="46" eb="47">
      <t>ソ</t>
    </rPh>
    <rPh sb="49" eb="51">
      <t>トリクミ</t>
    </rPh>
    <rPh sb="52" eb="53">
      <t>オコナ</t>
    </rPh>
    <phoneticPr fontId="3"/>
  </si>
  <si>
    <t>　⑤　夜間看護体制加算の届出をしている。</t>
    <rPh sb="3" eb="5">
      <t>ヤカン</t>
    </rPh>
    <rPh sb="5" eb="7">
      <t>カンゴ</t>
    </rPh>
    <rPh sb="7" eb="9">
      <t>タイセイ</t>
    </rPh>
    <rPh sb="9" eb="11">
      <t>カサン</t>
    </rPh>
    <rPh sb="12" eb="14">
      <t>トドケデ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42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left" vertical="center"/>
    </xf>
    <xf numFmtId="0" fontId="2" fillId="0" borderId="3" xfId="1" applyFont="1" applyFill="1" applyBorder="1" applyAlignment="1">
      <alignment horizontal="center" vertical="center"/>
    </xf>
    <xf numFmtId="0" fontId="2" fillId="0" borderId="5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 wrapText="1"/>
    </xf>
    <xf numFmtId="0" fontId="2" fillId="0" borderId="3" xfId="0" applyFont="1" applyFill="1" applyBorder="1" applyAlignment="1">
      <alignment horizontal="left" vertical="center" wrapText="1"/>
    </xf>
    <xf numFmtId="0" fontId="2" fillId="0" borderId="9" xfId="0" applyFont="1" applyFill="1" applyBorder="1" applyAlignment="1">
      <alignment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/>
    <xf numFmtId="0" fontId="2" fillId="0" borderId="0" xfId="0" applyFont="1" applyFill="1" applyAlignment="1">
      <alignment horizont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A40"/>
  <sheetViews>
    <sheetView tabSelected="1" view="pageBreakPreview" zoomScaleNormal="100" zoomScaleSheetLayoutView="100" workbookViewId="0">
      <selection activeCell="G6" sqref="G6:Z6"/>
    </sheetView>
  </sheetViews>
  <sheetFormatPr defaultColWidth="3.5" defaultRowHeight="13.5" x14ac:dyDescent="0.15"/>
  <cols>
    <col min="1" max="1" width="2.25" style="40" customWidth="1"/>
    <col min="2" max="2" width="3" style="41" customWidth="1"/>
    <col min="3" max="19" width="3.625" style="40" customWidth="1"/>
    <col min="20" max="26" width="3.5" style="40"/>
    <col min="27" max="27" width="2.25" style="40" customWidth="1"/>
    <col min="28" max="16384" width="3.5" style="40"/>
  </cols>
  <sheetData>
    <row r="1" spans="2:26" s="1" customFormat="1" x14ac:dyDescent="0.15"/>
    <row r="2" spans="2:26" s="1" customFormat="1" x14ac:dyDescent="0.15">
      <c r="B2" s="1" t="s">
        <v>0</v>
      </c>
    </row>
    <row r="3" spans="2:26" s="1" customFormat="1" x14ac:dyDescent="0.15"/>
    <row r="4" spans="2:26" s="1" customFormat="1" x14ac:dyDescent="0.15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15"/>
    <row r="6" spans="2:26" s="1" customFormat="1" ht="31.5" customHeight="1" x14ac:dyDescent="0.15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s="1" customFormat="1" ht="31.5" customHeight="1" x14ac:dyDescent="0.15">
      <c r="B7" s="4" t="s">
        <v>3</v>
      </c>
      <c r="C7" s="5"/>
      <c r="D7" s="5"/>
      <c r="E7" s="5"/>
      <c r="F7" s="6"/>
      <c r="G7" s="7" t="s">
        <v>4</v>
      </c>
      <c r="H7" s="8" t="s">
        <v>5</v>
      </c>
      <c r="I7" s="8"/>
      <c r="J7" s="8"/>
      <c r="K7" s="8"/>
      <c r="L7" s="7" t="s">
        <v>4</v>
      </c>
      <c r="M7" s="8" t="s">
        <v>6</v>
      </c>
      <c r="N7" s="8"/>
      <c r="O7" s="8"/>
      <c r="P7" s="8"/>
      <c r="Q7" s="7" t="s">
        <v>4</v>
      </c>
      <c r="R7" s="8" t="s">
        <v>7</v>
      </c>
      <c r="S7" s="8"/>
      <c r="T7" s="8"/>
      <c r="U7" s="8"/>
      <c r="V7" s="8"/>
      <c r="W7" s="8"/>
      <c r="X7" s="8"/>
      <c r="Y7" s="8"/>
      <c r="Z7" s="9"/>
    </row>
    <row r="8" spans="2:26" s="1" customFormat="1" ht="31.5" customHeight="1" x14ac:dyDescent="0.15">
      <c r="B8" s="4" t="s">
        <v>8</v>
      </c>
      <c r="C8" s="5"/>
      <c r="D8" s="5"/>
      <c r="E8" s="5"/>
      <c r="F8" s="6"/>
      <c r="G8" s="10" t="s">
        <v>4</v>
      </c>
      <c r="H8" s="11" t="s">
        <v>9</v>
      </c>
      <c r="I8" s="11"/>
      <c r="J8" s="11"/>
      <c r="K8" s="11"/>
      <c r="L8" s="11"/>
      <c r="M8" s="11"/>
      <c r="N8" s="11"/>
      <c r="O8" s="12" t="s">
        <v>4</v>
      </c>
      <c r="P8" s="11" t="s">
        <v>10</v>
      </c>
      <c r="Q8" s="11"/>
      <c r="R8" s="11"/>
      <c r="S8" s="13"/>
      <c r="T8" s="13"/>
      <c r="U8" s="13"/>
      <c r="V8" s="13"/>
      <c r="W8" s="13"/>
      <c r="X8" s="13"/>
      <c r="Y8" s="13"/>
      <c r="Z8" s="14"/>
    </row>
    <row r="9" spans="2:26" s="1" customFormat="1" x14ac:dyDescent="0.15"/>
    <row r="10" spans="2:26" s="1" customFormat="1" x14ac:dyDescent="0.15">
      <c r="B10" s="15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7"/>
    </row>
    <row r="11" spans="2:26" s="1" customFormat="1" x14ac:dyDescent="0.15">
      <c r="B11" s="18" t="s">
        <v>11</v>
      </c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20"/>
    </row>
    <row r="12" spans="2:26" s="1" customFormat="1" x14ac:dyDescent="0.15">
      <c r="B12" s="18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  <c r="Y12" s="19"/>
      <c r="Z12" s="20"/>
    </row>
    <row r="13" spans="2:26" s="1" customFormat="1" x14ac:dyDescent="0.15">
      <c r="B13" s="18"/>
      <c r="C13" s="19" t="s">
        <v>12</v>
      </c>
      <c r="D13" s="19"/>
      <c r="E13" s="19"/>
      <c r="F13" s="19"/>
      <c r="G13" s="19"/>
      <c r="H13" s="19"/>
      <c r="I13" s="19"/>
      <c r="J13" s="19"/>
      <c r="K13" s="19"/>
      <c r="L13" s="19"/>
      <c r="N13" s="19"/>
      <c r="O13" s="19"/>
      <c r="P13" s="19"/>
      <c r="Q13" s="19"/>
      <c r="R13" s="19"/>
      <c r="S13" s="19"/>
      <c r="T13" s="19"/>
      <c r="U13" s="19"/>
      <c r="V13" s="19"/>
      <c r="W13" s="19"/>
      <c r="X13" s="19"/>
      <c r="Y13" s="19"/>
      <c r="Z13" s="20"/>
    </row>
    <row r="14" spans="2:26" s="1" customFormat="1" ht="6.75" customHeight="1" x14ac:dyDescent="0.15">
      <c r="B14" s="18"/>
      <c r="C14" s="19"/>
      <c r="D14" s="19"/>
      <c r="E14" s="19"/>
      <c r="F14" s="19"/>
      <c r="G14" s="19"/>
      <c r="H14" s="19"/>
      <c r="I14" s="19"/>
      <c r="J14" s="19"/>
      <c r="K14" s="19"/>
      <c r="L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19"/>
      <c r="Y14" s="19"/>
      <c r="Z14" s="20"/>
    </row>
    <row r="15" spans="2:26" s="1" customFormat="1" ht="26.25" customHeight="1" x14ac:dyDescent="0.15">
      <c r="B15" s="18"/>
      <c r="C15" s="21" t="s">
        <v>13</v>
      </c>
      <c r="D15" s="11"/>
      <c r="E15" s="11"/>
      <c r="F15" s="11"/>
      <c r="G15" s="22"/>
      <c r="H15" s="23" t="s">
        <v>14</v>
      </c>
      <c r="I15" s="24"/>
      <c r="J15" s="24"/>
      <c r="K15" s="5"/>
      <c r="L15" s="5"/>
      <c r="M15" s="5"/>
      <c r="N15" s="25" t="s">
        <v>15</v>
      </c>
      <c r="O15" s="18"/>
      <c r="P15" s="19"/>
      <c r="Q15" s="19"/>
      <c r="R15" s="19"/>
      <c r="S15" s="19"/>
      <c r="T15" s="19"/>
      <c r="U15" s="26"/>
      <c r="V15" s="19"/>
      <c r="W15" s="19"/>
      <c r="X15" s="19"/>
      <c r="Y15" s="19"/>
      <c r="Z15" s="20"/>
    </row>
    <row r="16" spans="2:26" s="1" customFormat="1" x14ac:dyDescent="0.15">
      <c r="B16" s="18"/>
      <c r="C16" s="19"/>
      <c r="D16" s="19"/>
      <c r="E16" s="19"/>
      <c r="F16" s="19"/>
      <c r="G16" s="19"/>
      <c r="H16" s="19"/>
      <c r="I16" s="19"/>
      <c r="J16" s="19"/>
      <c r="K16" s="19"/>
      <c r="L16" s="26"/>
      <c r="M16" s="19"/>
      <c r="N16" s="19"/>
      <c r="O16" s="19"/>
      <c r="P16" s="19"/>
      <c r="Q16" s="26"/>
      <c r="R16" s="19"/>
      <c r="S16" s="19"/>
      <c r="T16" s="19"/>
      <c r="U16" s="19"/>
      <c r="V16" s="26"/>
      <c r="W16" s="19"/>
      <c r="X16" s="19"/>
      <c r="Y16" s="19"/>
      <c r="Z16" s="20"/>
    </row>
    <row r="17" spans="2:27" s="1" customFormat="1" x14ac:dyDescent="0.15">
      <c r="B17" s="18"/>
      <c r="C17" s="19" t="s">
        <v>16</v>
      </c>
      <c r="D17" s="19"/>
      <c r="E17" s="19"/>
      <c r="F17" s="19"/>
      <c r="G17" s="19"/>
      <c r="H17" s="19"/>
      <c r="I17" s="19"/>
      <c r="J17" s="19"/>
      <c r="K17" s="19"/>
      <c r="L17" s="19"/>
      <c r="M17" s="19"/>
      <c r="N17" s="19"/>
      <c r="O17" s="19"/>
      <c r="P17" s="19"/>
      <c r="Q17" s="19"/>
      <c r="R17" s="19"/>
      <c r="S17" s="19"/>
      <c r="T17" s="19"/>
      <c r="U17" s="19"/>
      <c r="V17" s="19"/>
      <c r="W17" s="19"/>
      <c r="X17" s="19"/>
      <c r="Y17" s="19"/>
      <c r="Z17" s="20"/>
    </row>
    <row r="18" spans="2:27" s="1" customFormat="1" ht="4.5" customHeight="1" x14ac:dyDescent="0.15">
      <c r="B18" s="18"/>
      <c r="C18" s="19"/>
      <c r="D18" s="19"/>
      <c r="E18" s="19"/>
      <c r="F18" s="19"/>
      <c r="G18" s="19"/>
      <c r="H18" s="19"/>
      <c r="I18" s="19"/>
      <c r="J18" s="19"/>
      <c r="K18" s="19"/>
      <c r="L18" s="19"/>
      <c r="M18" s="19"/>
      <c r="N18" s="19"/>
      <c r="O18" s="19"/>
      <c r="P18" s="19"/>
      <c r="Q18" s="19"/>
      <c r="R18" s="19"/>
      <c r="S18" s="19"/>
      <c r="T18" s="19"/>
      <c r="U18" s="19"/>
      <c r="V18" s="19"/>
      <c r="W18" s="19"/>
      <c r="X18" s="19"/>
      <c r="Y18" s="19"/>
      <c r="Z18" s="20"/>
    </row>
    <row r="19" spans="2:27" s="1" customFormat="1" ht="24" customHeight="1" x14ac:dyDescent="0.15">
      <c r="B19" s="18"/>
      <c r="C19" s="4" t="s">
        <v>17</v>
      </c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6"/>
      <c r="P19" s="4" t="s">
        <v>18</v>
      </c>
      <c r="Q19" s="5"/>
      <c r="R19" s="5"/>
      <c r="S19" s="5"/>
      <c r="T19" s="5"/>
      <c r="U19" s="5"/>
      <c r="V19" s="5"/>
      <c r="W19" s="5"/>
      <c r="X19" s="5"/>
      <c r="Y19" s="6"/>
      <c r="Z19" s="27"/>
      <c r="AA19" s="19"/>
    </row>
    <row r="20" spans="2:27" s="1" customFormat="1" ht="21" customHeight="1" x14ac:dyDescent="0.15">
      <c r="B20" s="18"/>
      <c r="C20" s="23"/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4"/>
      <c r="O20" s="28"/>
      <c r="P20" s="23"/>
      <c r="Q20" s="24"/>
      <c r="R20" s="24"/>
      <c r="S20" s="24"/>
      <c r="T20" s="24"/>
      <c r="U20" s="24"/>
      <c r="V20" s="24"/>
      <c r="W20" s="24"/>
      <c r="X20" s="24"/>
      <c r="Y20" s="28"/>
      <c r="Z20" s="20"/>
      <c r="AA20" s="19"/>
    </row>
    <row r="21" spans="2:27" s="1" customFormat="1" ht="21" customHeight="1" x14ac:dyDescent="0.15">
      <c r="B21" s="18"/>
      <c r="C21" s="23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8"/>
      <c r="P21" s="23"/>
      <c r="Q21" s="24"/>
      <c r="R21" s="24"/>
      <c r="S21" s="24"/>
      <c r="T21" s="24"/>
      <c r="U21" s="24"/>
      <c r="V21" s="24"/>
      <c r="W21" s="24"/>
      <c r="X21" s="24"/>
      <c r="Y21" s="28"/>
      <c r="Z21" s="20"/>
      <c r="AA21" s="19"/>
    </row>
    <row r="22" spans="2:27" s="1" customFormat="1" ht="21" customHeight="1" x14ac:dyDescent="0.15">
      <c r="B22" s="18"/>
      <c r="C22" s="23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8"/>
      <c r="P22" s="23"/>
      <c r="Q22" s="24"/>
      <c r="R22" s="24"/>
      <c r="S22" s="24"/>
      <c r="T22" s="24"/>
      <c r="U22" s="24"/>
      <c r="V22" s="24"/>
      <c r="W22" s="24"/>
      <c r="X22" s="24"/>
      <c r="Y22" s="28"/>
      <c r="Z22" s="20"/>
      <c r="AA22" s="19"/>
    </row>
    <row r="23" spans="2:27" s="1" customFormat="1" ht="21" customHeight="1" x14ac:dyDescent="0.15">
      <c r="B23" s="18"/>
      <c r="C23" s="23"/>
      <c r="D23" s="24"/>
      <c r="E23" s="24"/>
      <c r="F23" s="24"/>
      <c r="G23" s="24"/>
      <c r="H23" s="24"/>
      <c r="I23" s="24"/>
      <c r="J23" s="24"/>
      <c r="K23" s="24"/>
      <c r="L23" s="24"/>
      <c r="M23" s="24"/>
      <c r="N23" s="24"/>
      <c r="O23" s="28"/>
      <c r="P23" s="23"/>
      <c r="Q23" s="24"/>
      <c r="R23" s="24"/>
      <c r="S23" s="24"/>
      <c r="T23" s="24"/>
      <c r="U23" s="24"/>
      <c r="V23" s="24"/>
      <c r="W23" s="24"/>
      <c r="X23" s="24"/>
      <c r="Y23" s="28"/>
      <c r="Z23" s="20"/>
      <c r="AA23" s="19"/>
    </row>
    <row r="24" spans="2:27" s="1" customFormat="1" ht="21" customHeight="1" x14ac:dyDescent="0.15">
      <c r="B24" s="18"/>
      <c r="C24" s="23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8"/>
      <c r="P24" s="23"/>
      <c r="Q24" s="24"/>
      <c r="R24" s="24"/>
      <c r="S24" s="24"/>
      <c r="T24" s="24"/>
      <c r="U24" s="24"/>
      <c r="V24" s="24"/>
      <c r="W24" s="24"/>
      <c r="X24" s="24"/>
      <c r="Y24" s="28"/>
      <c r="Z24" s="20"/>
      <c r="AA24" s="19"/>
    </row>
    <row r="25" spans="2:27" s="1" customFormat="1" ht="21" customHeight="1" x14ac:dyDescent="0.15">
      <c r="B25" s="18"/>
      <c r="C25" s="29"/>
      <c r="D25" s="29"/>
      <c r="E25" s="29"/>
      <c r="F25" s="29"/>
      <c r="G25" s="29"/>
      <c r="H25" s="29"/>
      <c r="I25" s="29"/>
      <c r="J25" s="29"/>
      <c r="K25" s="29"/>
      <c r="L25" s="29"/>
      <c r="M25" s="29"/>
      <c r="N25" s="29"/>
      <c r="O25" s="29"/>
      <c r="P25" s="16"/>
      <c r="Q25" s="16"/>
      <c r="R25" s="16"/>
      <c r="S25" s="16"/>
      <c r="T25" s="16"/>
      <c r="U25" s="16"/>
      <c r="V25" s="16"/>
      <c r="W25" s="16"/>
      <c r="X25" s="16"/>
      <c r="Y25" s="16"/>
      <c r="Z25" s="20"/>
      <c r="AA25" s="19"/>
    </row>
    <row r="26" spans="2:27" s="1" customFormat="1" ht="21" customHeight="1" x14ac:dyDescent="0.15">
      <c r="B26" s="18"/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30"/>
      <c r="N26" s="30"/>
      <c r="O26" s="30"/>
      <c r="P26" s="31"/>
      <c r="Q26" s="31"/>
      <c r="R26" s="31"/>
      <c r="S26" s="31"/>
      <c r="T26" s="31"/>
      <c r="U26" s="21"/>
      <c r="V26" s="32" t="s">
        <v>19</v>
      </c>
      <c r="W26" s="32" t="s">
        <v>20</v>
      </c>
      <c r="X26" s="32" t="s">
        <v>21</v>
      </c>
      <c r="Y26" s="22"/>
      <c r="Z26" s="20"/>
      <c r="AA26" s="19"/>
    </row>
    <row r="27" spans="2:27" s="1" customFormat="1" ht="38.25" customHeight="1" x14ac:dyDescent="0.15">
      <c r="B27" s="18"/>
      <c r="C27" s="33" t="s">
        <v>22</v>
      </c>
      <c r="D27" s="34"/>
      <c r="E27" s="34"/>
      <c r="F27" s="34"/>
      <c r="G27" s="34"/>
      <c r="H27" s="34"/>
      <c r="I27" s="34"/>
      <c r="J27" s="34"/>
      <c r="K27" s="34"/>
      <c r="L27" s="34"/>
      <c r="M27" s="34"/>
      <c r="N27" s="34"/>
      <c r="O27" s="34"/>
      <c r="P27" s="34"/>
      <c r="Q27" s="34"/>
      <c r="R27" s="34"/>
      <c r="S27" s="34"/>
      <c r="T27" s="35"/>
      <c r="U27" s="8"/>
      <c r="V27" s="36" t="s">
        <v>4</v>
      </c>
      <c r="W27" s="36" t="s">
        <v>20</v>
      </c>
      <c r="X27" s="36" t="s">
        <v>4</v>
      </c>
      <c r="Y27" s="9"/>
      <c r="Z27" s="20"/>
    </row>
    <row r="28" spans="2:27" s="1" customFormat="1" ht="70.5" customHeight="1" x14ac:dyDescent="0.15">
      <c r="B28" s="18"/>
      <c r="C28" s="33" t="s">
        <v>23</v>
      </c>
      <c r="D28" s="34"/>
      <c r="E28" s="34"/>
      <c r="F28" s="34"/>
      <c r="G28" s="34"/>
      <c r="H28" s="34"/>
      <c r="I28" s="34"/>
      <c r="J28" s="34"/>
      <c r="K28" s="34"/>
      <c r="L28" s="34"/>
      <c r="M28" s="34"/>
      <c r="N28" s="34"/>
      <c r="O28" s="34"/>
      <c r="P28" s="34"/>
      <c r="Q28" s="34"/>
      <c r="R28" s="34"/>
      <c r="S28" s="34"/>
      <c r="T28" s="35"/>
      <c r="U28" s="8"/>
      <c r="V28" s="36" t="s">
        <v>4</v>
      </c>
      <c r="W28" s="36" t="s">
        <v>20</v>
      </c>
      <c r="X28" s="36" t="s">
        <v>4</v>
      </c>
      <c r="Y28" s="9"/>
      <c r="Z28" s="20"/>
    </row>
    <row r="29" spans="2:27" s="1" customFormat="1" ht="38.25" customHeight="1" x14ac:dyDescent="0.15">
      <c r="B29" s="18"/>
      <c r="C29" s="23" t="s">
        <v>24</v>
      </c>
      <c r="D29" s="24"/>
      <c r="E29" s="24"/>
      <c r="F29" s="24"/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9"/>
      <c r="U29" s="8"/>
      <c r="V29" s="36" t="s">
        <v>4</v>
      </c>
      <c r="W29" s="36" t="s">
        <v>20</v>
      </c>
      <c r="X29" s="36" t="s">
        <v>4</v>
      </c>
      <c r="Y29" s="9"/>
      <c r="Z29" s="20"/>
    </row>
    <row r="30" spans="2:27" s="1" customFormat="1" ht="38.25" customHeight="1" x14ac:dyDescent="0.15">
      <c r="B30" s="18"/>
      <c r="C30" s="33" t="s">
        <v>25</v>
      </c>
      <c r="D30" s="34"/>
      <c r="E30" s="34"/>
      <c r="F30" s="34"/>
      <c r="G30" s="34"/>
      <c r="H30" s="34"/>
      <c r="I30" s="34"/>
      <c r="J30" s="34"/>
      <c r="K30" s="34"/>
      <c r="L30" s="34"/>
      <c r="M30" s="34"/>
      <c r="N30" s="34"/>
      <c r="O30" s="34"/>
      <c r="P30" s="34"/>
      <c r="Q30" s="34"/>
      <c r="R30" s="34"/>
      <c r="S30" s="34"/>
      <c r="T30" s="9"/>
      <c r="U30" s="8"/>
      <c r="V30" s="36" t="s">
        <v>4</v>
      </c>
      <c r="W30" s="36" t="s">
        <v>20</v>
      </c>
      <c r="X30" s="36" t="s">
        <v>4</v>
      </c>
      <c r="Y30" s="9"/>
      <c r="Z30" s="20"/>
    </row>
    <row r="31" spans="2:27" s="1" customFormat="1" ht="38.25" customHeight="1" x14ac:dyDescent="0.15">
      <c r="B31" s="18"/>
      <c r="C31" s="33" t="s">
        <v>26</v>
      </c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9"/>
      <c r="U31" s="8"/>
      <c r="V31" s="36" t="s">
        <v>4</v>
      </c>
      <c r="W31" s="36" t="s">
        <v>20</v>
      </c>
      <c r="X31" s="36" t="s">
        <v>4</v>
      </c>
      <c r="Y31" s="9"/>
      <c r="Z31" s="20"/>
    </row>
    <row r="32" spans="2:27" s="1" customFormat="1" x14ac:dyDescent="0.15">
      <c r="B32" s="37"/>
      <c r="C32" s="31"/>
      <c r="D32" s="31"/>
      <c r="E32" s="31"/>
      <c r="F32" s="31"/>
      <c r="G32" s="31"/>
      <c r="H32" s="31"/>
      <c r="I32" s="31"/>
      <c r="J32" s="31"/>
      <c r="K32" s="31"/>
      <c r="L32" s="31"/>
      <c r="M32" s="31"/>
      <c r="N32" s="31"/>
      <c r="O32" s="31"/>
      <c r="P32" s="31"/>
      <c r="Q32" s="31"/>
      <c r="R32" s="31"/>
      <c r="S32" s="31"/>
      <c r="T32" s="31"/>
      <c r="U32" s="31"/>
      <c r="V32" s="31"/>
      <c r="W32" s="31"/>
      <c r="X32" s="31"/>
      <c r="Y32" s="31"/>
      <c r="Z32" s="38"/>
    </row>
    <row r="33" spans="2:10" s="1" customFormat="1" x14ac:dyDescent="0.15">
      <c r="B33" s="19"/>
      <c r="C33" s="19"/>
      <c r="D33" s="19"/>
      <c r="E33" s="19"/>
      <c r="F33" s="19"/>
      <c r="G33" s="19"/>
      <c r="H33" s="19"/>
      <c r="I33" s="19"/>
      <c r="J33" s="19"/>
    </row>
    <row r="35" spans="2:10" s="39" customFormat="1" x14ac:dyDescent="0.15"/>
    <row r="36" spans="2:10" s="39" customFormat="1" x14ac:dyDescent="0.15"/>
    <row r="37" spans="2:10" s="39" customFormat="1" x14ac:dyDescent="0.15"/>
    <row r="38" spans="2:10" s="39" customFormat="1" x14ac:dyDescent="0.15"/>
    <row r="39" spans="2:10" s="39" customFormat="1" x14ac:dyDescent="0.15"/>
    <row r="40" spans="2:10" s="39" customFormat="1" x14ac:dyDescent="0.15"/>
  </sheetData>
  <mergeCells count="24">
    <mergeCell ref="C27:S27"/>
    <mergeCell ref="C28:S28"/>
    <mergeCell ref="C29:S29"/>
    <mergeCell ref="C30:S30"/>
    <mergeCell ref="C31:S31"/>
    <mergeCell ref="C22:O22"/>
    <mergeCell ref="P22:Y22"/>
    <mergeCell ref="C23:O23"/>
    <mergeCell ref="P23:Y23"/>
    <mergeCell ref="C24:O24"/>
    <mergeCell ref="P24:Y24"/>
    <mergeCell ref="C19:O19"/>
    <mergeCell ref="P19:Y19"/>
    <mergeCell ref="C20:O20"/>
    <mergeCell ref="P20:Y20"/>
    <mergeCell ref="C21:O21"/>
    <mergeCell ref="P21:Y21"/>
    <mergeCell ref="B4:Z4"/>
    <mergeCell ref="B6:F6"/>
    <mergeCell ref="G6:Z6"/>
    <mergeCell ref="B7:F7"/>
    <mergeCell ref="B8:F8"/>
    <mergeCell ref="H15:J15"/>
    <mergeCell ref="K15:M15"/>
  </mergeCells>
  <phoneticPr fontId="3"/>
  <dataValidations count="1">
    <dataValidation type="list" allowBlank="1" showInputMessage="1" showErrorMessage="1" sqref="L7 G7:G8 Q7 O8 V27:V31 X27:X31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9－５</vt:lpstr>
      <vt:lpstr>'別紙9－５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2:54:29Z</dcterms:created>
  <dcterms:modified xsi:type="dcterms:W3CDTF">2022-03-30T02:54:41Z</dcterms:modified>
</cp:coreProperties>
</file>